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4-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4-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zwartewaterlan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BFF308A4-B933-1398-BD76-AC7334AB509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39001" y="4559635"/>
            <a:ext cx="2604224" cy="210421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Graphics&#10;&#10;Automatisch gegenereerde beschrijving">
            <a:extLst>
              <a:ext uri="{FF2B5EF4-FFF2-40B4-BE49-F238E27FC236}">
                <a16:creationId xmlns:a16="http://schemas.microsoft.com/office/drawing/2014/main" id="{277E40EA-6B6C-A55F-CDC7-3980DE5B196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6377" y="3847785"/>
            <a:ext cx="1809666" cy="146221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5</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10-14T10:55:16Z</dcterms:modified>
</cp:coreProperties>
</file>